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3.2\"/>
    </mc:Choice>
  </mc:AlternateContent>
  <bookViews>
    <workbookView xWindow="-105" yWindow="-105" windowWidth="23250" windowHeight="12570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3年 2月28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2"/>
  <sheetViews>
    <sheetView tabSelected="1" zoomScaleNormal="100" workbookViewId="0">
      <selection activeCell="A2" sqref="A2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66</v>
      </c>
      <c r="C7" s="9">
        <v>7</v>
      </c>
      <c r="D7" s="14">
        <v>4</v>
      </c>
      <c r="E7" s="10">
        <v>1077</v>
      </c>
      <c r="F7" s="8">
        <v>1172</v>
      </c>
      <c r="G7" s="9">
        <v>1193</v>
      </c>
      <c r="H7" s="10">
        <v>2365</v>
      </c>
      <c r="I7" s="8">
        <v>7</v>
      </c>
      <c r="J7" s="9">
        <v>5</v>
      </c>
      <c r="K7" s="10">
        <v>12</v>
      </c>
      <c r="L7" s="8">
        <v>1179</v>
      </c>
      <c r="M7" s="9">
        <v>1198</v>
      </c>
      <c r="N7" s="10">
        <v>2377</v>
      </c>
    </row>
    <row r="8" spans="1:14" ht="18" customHeight="1" x14ac:dyDescent="0.4">
      <c r="A8" s="2" t="s">
        <v>1</v>
      </c>
      <c r="B8" s="8">
        <v>495</v>
      </c>
      <c r="C8" s="9">
        <v>8</v>
      </c>
      <c r="D8" s="14">
        <v>6</v>
      </c>
      <c r="E8" s="10">
        <v>509</v>
      </c>
      <c r="F8" s="8">
        <v>449</v>
      </c>
      <c r="G8" s="9">
        <v>399</v>
      </c>
      <c r="H8" s="10">
        <v>848</v>
      </c>
      <c r="I8" s="8">
        <v>15</v>
      </c>
      <c r="J8" s="9">
        <v>1</v>
      </c>
      <c r="K8" s="10">
        <v>16</v>
      </c>
      <c r="L8" s="8">
        <v>464</v>
      </c>
      <c r="M8" s="9">
        <v>400</v>
      </c>
      <c r="N8" s="10">
        <v>864</v>
      </c>
    </row>
    <row r="9" spans="1:14" ht="18" customHeight="1" x14ac:dyDescent="0.4">
      <c r="A9" s="2" t="s">
        <v>2</v>
      </c>
      <c r="B9" s="8">
        <v>2296</v>
      </c>
      <c r="C9" s="9">
        <v>16</v>
      </c>
      <c r="D9" s="14">
        <v>11</v>
      </c>
      <c r="E9" s="10">
        <v>2323</v>
      </c>
      <c r="F9" s="8">
        <v>2205</v>
      </c>
      <c r="G9" s="9">
        <v>2191</v>
      </c>
      <c r="H9" s="10">
        <v>4396</v>
      </c>
      <c r="I9" s="8">
        <v>19</v>
      </c>
      <c r="J9" s="9">
        <v>11</v>
      </c>
      <c r="K9" s="10">
        <v>30</v>
      </c>
      <c r="L9" s="8">
        <v>2224</v>
      </c>
      <c r="M9" s="9">
        <v>2202</v>
      </c>
      <c r="N9" s="10">
        <v>4426</v>
      </c>
    </row>
    <row r="10" spans="1:14" ht="18" customHeight="1" x14ac:dyDescent="0.4">
      <c r="A10" s="2" t="s">
        <v>3</v>
      </c>
      <c r="B10" s="8">
        <v>2305</v>
      </c>
      <c r="C10" s="9">
        <v>22</v>
      </c>
      <c r="D10" s="14">
        <v>26</v>
      </c>
      <c r="E10" s="10">
        <v>2353</v>
      </c>
      <c r="F10" s="8">
        <v>2303</v>
      </c>
      <c r="G10" s="9">
        <v>2462</v>
      </c>
      <c r="H10" s="10">
        <v>4765</v>
      </c>
      <c r="I10" s="8">
        <v>35</v>
      </c>
      <c r="J10" s="9">
        <v>30</v>
      </c>
      <c r="K10" s="10">
        <v>65</v>
      </c>
      <c r="L10" s="8">
        <v>2338</v>
      </c>
      <c r="M10" s="9">
        <v>2492</v>
      </c>
      <c r="N10" s="10">
        <v>4830</v>
      </c>
    </row>
    <row r="11" spans="1:14" ht="18" customHeight="1" x14ac:dyDescent="0.4">
      <c r="A11" s="2" t="s">
        <v>4</v>
      </c>
      <c r="B11" s="8">
        <v>1050</v>
      </c>
      <c r="C11" s="9">
        <v>4</v>
      </c>
      <c r="D11" s="14">
        <v>4</v>
      </c>
      <c r="E11" s="10">
        <v>1058</v>
      </c>
      <c r="F11" s="8">
        <v>920</v>
      </c>
      <c r="G11" s="9">
        <v>1057</v>
      </c>
      <c r="H11" s="10">
        <v>1977</v>
      </c>
      <c r="I11" s="8">
        <v>8</v>
      </c>
      <c r="J11" s="9">
        <v>1</v>
      </c>
      <c r="K11" s="10">
        <v>9</v>
      </c>
      <c r="L11" s="8">
        <v>928</v>
      </c>
      <c r="M11" s="9">
        <v>1058</v>
      </c>
      <c r="N11" s="10">
        <v>1986</v>
      </c>
    </row>
    <row r="12" spans="1:14" ht="18" customHeight="1" x14ac:dyDescent="0.4">
      <c r="A12" s="2" t="s">
        <v>5</v>
      </c>
      <c r="B12" s="8">
        <v>724</v>
      </c>
      <c r="C12" s="9">
        <v>8</v>
      </c>
      <c r="D12" s="14">
        <v>3</v>
      </c>
      <c r="E12" s="10">
        <v>735</v>
      </c>
      <c r="F12" s="8">
        <v>688</v>
      </c>
      <c r="G12" s="9">
        <v>721</v>
      </c>
      <c r="H12" s="10">
        <v>1409</v>
      </c>
      <c r="I12" s="8">
        <v>12</v>
      </c>
      <c r="J12" s="9">
        <v>11</v>
      </c>
      <c r="K12" s="10">
        <v>23</v>
      </c>
      <c r="L12" s="8">
        <v>700</v>
      </c>
      <c r="M12" s="9">
        <v>732</v>
      </c>
      <c r="N12" s="10">
        <v>1432</v>
      </c>
    </row>
    <row r="13" spans="1:14" ht="18" customHeight="1" x14ac:dyDescent="0.4">
      <c r="A13" s="2" t="s">
        <v>6</v>
      </c>
      <c r="B13" s="8">
        <v>657</v>
      </c>
      <c r="C13" s="9">
        <v>4</v>
      </c>
      <c r="D13" s="14">
        <v>5</v>
      </c>
      <c r="E13" s="10">
        <v>666</v>
      </c>
      <c r="F13" s="8">
        <v>718</v>
      </c>
      <c r="G13" s="9">
        <v>679</v>
      </c>
      <c r="H13" s="10">
        <v>1397</v>
      </c>
      <c r="I13" s="8">
        <v>7</v>
      </c>
      <c r="J13" s="9">
        <v>6</v>
      </c>
      <c r="K13" s="10">
        <v>13</v>
      </c>
      <c r="L13" s="8">
        <v>725</v>
      </c>
      <c r="M13" s="9">
        <v>685</v>
      </c>
      <c r="N13" s="10">
        <v>1410</v>
      </c>
    </row>
    <row r="14" spans="1:14" ht="18" customHeight="1" x14ac:dyDescent="0.4">
      <c r="A14" s="2" t="s">
        <v>7</v>
      </c>
      <c r="B14" s="8">
        <v>315</v>
      </c>
      <c r="C14" s="9">
        <v>9</v>
      </c>
      <c r="D14" s="14">
        <v>3</v>
      </c>
      <c r="E14" s="10">
        <v>327</v>
      </c>
      <c r="F14" s="8">
        <v>331</v>
      </c>
      <c r="G14" s="9">
        <v>395</v>
      </c>
      <c r="H14" s="10">
        <v>726</v>
      </c>
      <c r="I14" s="8">
        <v>9</v>
      </c>
      <c r="J14" s="9">
        <v>6</v>
      </c>
      <c r="K14" s="10">
        <v>15</v>
      </c>
      <c r="L14" s="8">
        <v>340</v>
      </c>
      <c r="M14" s="9">
        <v>401</v>
      </c>
      <c r="N14" s="10">
        <v>741</v>
      </c>
    </row>
    <row r="15" spans="1:14" ht="18" customHeight="1" x14ac:dyDescent="0.4">
      <c r="A15" s="2" t="s">
        <v>8</v>
      </c>
      <c r="B15" s="8">
        <v>1490</v>
      </c>
      <c r="C15" s="9">
        <v>51</v>
      </c>
      <c r="D15" s="14">
        <v>15</v>
      </c>
      <c r="E15" s="10">
        <v>1556</v>
      </c>
      <c r="F15" s="8">
        <v>1237</v>
      </c>
      <c r="G15" s="9">
        <v>1237</v>
      </c>
      <c r="H15" s="10">
        <v>2474</v>
      </c>
      <c r="I15" s="8">
        <v>52</v>
      </c>
      <c r="J15" s="9">
        <v>35</v>
      </c>
      <c r="K15" s="10">
        <v>87</v>
      </c>
      <c r="L15" s="8">
        <v>1289</v>
      </c>
      <c r="M15" s="9">
        <v>1272</v>
      </c>
      <c r="N15" s="10">
        <v>2561</v>
      </c>
    </row>
    <row r="16" spans="1:14" ht="18" customHeight="1" x14ac:dyDescent="0.4">
      <c r="A16" s="2" t="s">
        <v>9</v>
      </c>
      <c r="B16" s="8">
        <v>3182</v>
      </c>
      <c r="C16" s="9">
        <v>57</v>
      </c>
      <c r="D16" s="14">
        <v>35</v>
      </c>
      <c r="E16" s="10">
        <v>3274</v>
      </c>
      <c r="F16" s="8">
        <v>3126</v>
      </c>
      <c r="G16" s="9">
        <v>3499</v>
      </c>
      <c r="H16" s="10">
        <v>6625</v>
      </c>
      <c r="I16" s="8">
        <v>57</v>
      </c>
      <c r="J16" s="9">
        <v>69</v>
      </c>
      <c r="K16" s="10">
        <v>126</v>
      </c>
      <c r="L16" s="8">
        <v>3183</v>
      </c>
      <c r="M16" s="9">
        <v>3568</v>
      </c>
      <c r="N16" s="10">
        <v>6751</v>
      </c>
    </row>
    <row r="17" spans="1:14" ht="18" customHeight="1" x14ac:dyDescent="0.4">
      <c r="A17" s="2" t="s">
        <v>10</v>
      </c>
      <c r="B17" s="8">
        <v>1870</v>
      </c>
      <c r="C17" s="9">
        <v>50</v>
      </c>
      <c r="D17" s="14">
        <v>16</v>
      </c>
      <c r="E17" s="10">
        <v>1936</v>
      </c>
      <c r="F17" s="8">
        <v>1803</v>
      </c>
      <c r="G17" s="9">
        <v>1921</v>
      </c>
      <c r="H17" s="10">
        <v>3724</v>
      </c>
      <c r="I17" s="8">
        <v>56</v>
      </c>
      <c r="J17" s="9">
        <v>22</v>
      </c>
      <c r="K17" s="10">
        <v>78</v>
      </c>
      <c r="L17" s="8">
        <v>1859</v>
      </c>
      <c r="M17" s="9">
        <v>1943</v>
      </c>
      <c r="N17" s="10">
        <v>3802</v>
      </c>
    </row>
    <row r="18" spans="1:14" ht="18" customHeight="1" x14ac:dyDescent="0.4">
      <c r="A18" s="2" t="s">
        <v>11</v>
      </c>
      <c r="B18" s="8">
        <v>639</v>
      </c>
      <c r="C18" s="9">
        <v>4</v>
      </c>
      <c r="D18" s="14">
        <v>1</v>
      </c>
      <c r="E18" s="10">
        <v>644</v>
      </c>
      <c r="F18" s="8">
        <v>626</v>
      </c>
      <c r="G18" s="9">
        <v>633</v>
      </c>
      <c r="H18" s="10">
        <v>1259</v>
      </c>
      <c r="I18" s="8">
        <v>5</v>
      </c>
      <c r="J18" s="9">
        <v>0</v>
      </c>
      <c r="K18" s="10">
        <v>5</v>
      </c>
      <c r="L18" s="8">
        <v>631</v>
      </c>
      <c r="M18" s="9">
        <v>633</v>
      </c>
      <c r="N18" s="10">
        <v>1264</v>
      </c>
    </row>
    <row r="19" spans="1:14" ht="18" customHeight="1" x14ac:dyDescent="0.4">
      <c r="A19" s="2" t="s">
        <v>12</v>
      </c>
      <c r="B19" s="8">
        <v>2260</v>
      </c>
      <c r="C19" s="9">
        <v>31</v>
      </c>
      <c r="D19" s="14">
        <v>19</v>
      </c>
      <c r="E19" s="10">
        <v>2310</v>
      </c>
      <c r="F19" s="8">
        <v>2206</v>
      </c>
      <c r="G19" s="9">
        <v>2395</v>
      </c>
      <c r="H19" s="10">
        <v>4601</v>
      </c>
      <c r="I19" s="8">
        <v>35</v>
      </c>
      <c r="J19" s="9">
        <v>18</v>
      </c>
      <c r="K19" s="10">
        <v>53</v>
      </c>
      <c r="L19" s="8">
        <v>2241</v>
      </c>
      <c r="M19" s="9">
        <v>2413</v>
      </c>
      <c r="N19" s="10">
        <v>4654</v>
      </c>
    </row>
    <row r="20" spans="1:14" ht="18" customHeight="1" x14ac:dyDescent="0.4">
      <c r="A20" s="2" t="s">
        <v>13</v>
      </c>
      <c r="B20" s="8">
        <v>1626</v>
      </c>
      <c r="C20" s="9">
        <v>13</v>
      </c>
      <c r="D20" s="14">
        <v>17</v>
      </c>
      <c r="E20" s="10">
        <v>1656</v>
      </c>
      <c r="F20" s="8">
        <v>1943</v>
      </c>
      <c r="G20" s="9">
        <v>2054</v>
      </c>
      <c r="H20" s="10">
        <v>3997</v>
      </c>
      <c r="I20" s="8">
        <v>27</v>
      </c>
      <c r="J20" s="9">
        <v>15</v>
      </c>
      <c r="K20" s="10">
        <v>42</v>
      </c>
      <c r="L20" s="8">
        <v>1970</v>
      </c>
      <c r="M20" s="9">
        <v>2069</v>
      </c>
      <c r="N20" s="10">
        <v>4039</v>
      </c>
    </row>
    <row r="21" spans="1:14" ht="18" customHeight="1" x14ac:dyDescent="0.4">
      <c r="A21" s="2" t="s">
        <v>14</v>
      </c>
      <c r="B21" s="8">
        <v>1144</v>
      </c>
      <c r="C21" s="9">
        <v>36</v>
      </c>
      <c r="D21" s="14">
        <v>14</v>
      </c>
      <c r="E21" s="10">
        <v>1194</v>
      </c>
      <c r="F21" s="8">
        <v>1108</v>
      </c>
      <c r="G21" s="9">
        <v>1274</v>
      </c>
      <c r="H21" s="10">
        <v>2382</v>
      </c>
      <c r="I21" s="8">
        <v>42</v>
      </c>
      <c r="J21" s="9">
        <v>20</v>
      </c>
      <c r="K21" s="10">
        <v>62</v>
      </c>
      <c r="L21" s="8">
        <v>1150</v>
      </c>
      <c r="M21" s="9">
        <v>1294</v>
      </c>
      <c r="N21" s="10">
        <v>2444</v>
      </c>
    </row>
    <row r="22" spans="1:14" ht="18" customHeight="1" x14ac:dyDescent="0.4">
      <c r="A22" s="2" t="s">
        <v>15</v>
      </c>
      <c r="B22" s="8">
        <v>998</v>
      </c>
      <c r="C22" s="9">
        <v>13</v>
      </c>
      <c r="D22" s="14">
        <v>9</v>
      </c>
      <c r="E22" s="10">
        <v>1020</v>
      </c>
      <c r="F22" s="8">
        <v>1022</v>
      </c>
      <c r="G22" s="9">
        <v>1071</v>
      </c>
      <c r="H22" s="10">
        <v>2093</v>
      </c>
      <c r="I22" s="8">
        <v>21</v>
      </c>
      <c r="J22" s="9">
        <v>14</v>
      </c>
      <c r="K22" s="10">
        <v>35</v>
      </c>
      <c r="L22" s="8">
        <v>1043</v>
      </c>
      <c r="M22" s="9">
        <v>1085</v>
      </c>
      <c r="N22" s="10">
        <v>2128</v>
      </c>
    </row>
    <row r="23" spans="1:14" ht="18" customHeight="1" x14ac:dyDescent="0.4">
      <c r="A23" s="2" t="s">
        <v>16</v>
      </c>
      <c r="B23" s="8">
        <v>2041</v>
      </c>
      <c r="C23" s="9">
        <v>15</v>
      </c>
      <c r="D23" s="14">
        <v>13</v>
      </c>
      <c r="E23" s="10">
        <v>2069</v>
      </c>
      <c r="F23" s="8">
        <v>2363</v>
      </c>
      <c r="G23" s="9">
        <v>2548</v>
      </c>
      <c r="H23" s="10">
        <v>4911</v>
      </c>
      <c r="I23" s="8">
        <v>22</v>
      </c>
      <c r="J23" s="9">
        <v>19</v>
      </c>
      <c r="K23" s="10">
        <v>41</v>
      </c>
      <c r="L23" s="8">
        <v>2385</v>
      </c>
      <c r="M23" s="9">
        <v>2567</v>
      </c>
      <c r="N23" s="10">
        <v>4952</v>
      </c>
    </row>
    <row r="24" spans="1:14" ht="18" customHeight="1" x14ac:dyDescent="0.4">
      <c r="A24" s="2" t="s">
        <v>17</v>
      </c>
      <c r="B24" s="8">
        <v>4895</v>
      </c>
      <c r="C24" s="9">
        <v>45</v>
      </c>
      <c r="D24" s="14">
        <v>37</v>
      </c>
      <c r="E24" s="10">
        <v>4977</v>
      </c>
      <c r="F24" s="8">
        <v>5837</v>
      </c>
      <c r="G24" s="9">
        <v>6350</v>
      </c>
      <c r="H24" s="10">
        <v>12187</v>
      </c>
      <c r="I24" s="8">
        <v>68</v>
      </c>
      <c r="J24" s="9">
        <v>37</v>
      </c>
      <c r="K24" s="10">
        <v>105</v>
      </c>
      <c r="L24" s="8">
        <v>5905</v>
      </c>
      <c r="M24" s="9">
        <v>6387</v>
      </c>
      <c r="N24" s="10">
        <v>12292</v>
      </c>
    </row>
    <row r="25" spans="1:14" ht="18" customHeight="1" x14ac:dyDescent="0.4">
      <c r="A25" s="2" t="s">
        <v>18</v>
      </c>
      <c r="B25" s="8">
        <v>2581</v>
      </c>
      <c r="C25" s="9">
        <v>28</v>
      </c>
      <c r="D25" s="14">
        <v>17</v>
      </c>
      <c r="E25" s="10">
        <v>2626</v>
      </c>
      <c r="F25" s="8">
        <v>3103</v>
      </c>
      <c r="G25" s="9">
        <v>3232</v>
      </c>
      <c r="H25" s="10">
        <v>6335</v>
      </c>
      <c r="I25" s="8">
        <v>35</v>
      </c>
      <c r="J25" s="9">
        <v>27</v>
      </c>
      <c r="K25" s="10">
        <v>62</v>
      </c>
      <c r="L25" s="8">
        <v>3138</v>
      </c>
      <c r="M25" s="9">
        <v>3259</v>
      </c>
      <c r="N25" s="10">
        <v>6397</v>
      </c>
    </row>
    <row r="26" spans="1:14" ht="18" customHeight="1" x14ac:dyDescent="0.4">
      <c r="A26" s="2" t="s">
        <v>19</v>
      </c>
      <c r="B26" s="8">
        <v>209</v>
      </c>
      <c r="C26" s="9">
        <v>1</v>
      </c>
      <c r="D26" s="14">
        <v>0</v>
      </c>
      <c r="E26" s="10">
        <v>210</v>
      </c>
      <c r="F26" s="8">
        <v>180</v>
      </c>
      <c r="G26" s="9">
        <v>170</v>
      </c>
      <c r="H26" s="10">
        <v>350</v>
      </c>
      <c r="I26" s="8">
        <v>2</v>
      </c>
      <c r="J26" s="9">
        <v>1</v>
      </c>
      <c r="K26" s="10">
        <v>3</v>
      </c>
      <c r="L26" s="8">
        <v>182</v>
      </c>
      <c r="M26" s="9">
        <v>171</v>
      </c>
      <c r="N26" s="10">
        <v>353</v>
      </c>
    </row>
    <row r="27" spans="1:14" ht="18" customHeight="1" x14ac:dyDescent="0.4">
      <c r="A27" s="2" t="s">
        <v>20</v>
      </c>
      <c r="B27" s="8">
        <v>1887</v>
      </c>
      <c r="C27" s="9">
        <v>22</v>
      </c>
      <c r="D27" s="14">
        <v>12</v>
      </c>
      <c r="E27" s="10">
        <v>1921</v>
      </c>
      <c r="F27" s="8">
        <v>2143</v>
      </c>
      <c r="G27" s="9">
        <v>2138</v>
      </c>
      <c r="H27" s="10">
        <v>4281</v>
      </c>
      <c r="I27" s="8">
        <v>17</v>
      </c>
      <c r="J27" s="9">
        <v>25</v>
      </c>
      <c r="K27" s="10">
        <v>42</v>
      </c>
      <c r="L27" s="8">
        <v>2160</v>
      </c>
      <c r="M27" s="9">
        <v>2163</v>
      </c>
      <c r="N27" s="10">
        <v>4323</v>
      </c>
    </row>
    <row r="28" spans="1:14" ht="18" customHeight="1" x14ac:dyDescent="0.4">
      <c r="A28" s="2" t="s">
        <v>21</v>
      </c>
      <c r="B28" s="8">
        <v>843</v>
      </c>
      <c r="C28" s="9">
        <v>16</v>
      </c>
      <c r="D28" s="14">
        <v>10</v>
      </c>
      <c r="E28" s="10">
        <v>869</v>
      </c>
      <c r="F28" s="8">
        <v>1045</v>
      </c>
      <c r="G28" s="9">
        <v>1104</v>
      </c>
      <c r="H28" s="10">
        <v>2149</v>
      </c>
      <c r="I28" s="8">
        <v>23</v>
      </c>
      <c r="J28" s="9">
        <v>10</v>
      </c>
      <c r="K28" s="10">
        <v>33</v>
      </c>
      <c r="L28" s="8">
        <v>1068</v>
      </c>
      <c r="M28" s="9">
        <v>1114</v>
      </c>
      <c r="N28" s="10">
        <v>2182</v>
      </c>
    </row>
    <row r="29" spans="1:14" ht="18" customHeight="1" x14ac:dyDescent="0.4">
      <c r="A29" s="2" t="s">
        <v>22</v>
      </c>
      <c r="B29" s="8">
        <v>2428</v>
      </c>
      <c r="C29" s="9">
        <v>43</v>
      </c>
      <c r="D29" s="14">
        <v>21</v>
      </c>
      <c r="E29" s="10">
        <v>2492</v>
      </c>
      <c r="F29" s="8">
        <v>2443</v>
      </c>
      <c r="G29" s="9">
        <v>2604</v>
      </c>
      <c r="H29" s="10">
        <v>5047</v>
      </c>
      <c r="I29" s="8">
        <v>52</v>
      </c>
      <c r="J29" s="9">
        <v>34</v>
      </c>
      <c r="K29" s="10">
        <v>86</v>
      </c>
      <c r="L29" s="8">
        <v>2495</v>
      </c>
      <c r="M29" s="9">
        <v>2638</v>
      </c>
      <c r="N29" s="10">
        <v>5133</v>
      </c>
    </row>
    <row r="30" spans="1:14" ht="18" customHeight="1" x14ac:dyDescent="0.4">
      <c r="A30" s="2" t="s">
        <v>23</v>
      </c>
      <c r="B30" s="8">
        <v>2391</v>
      </c>
      <c r="C30" s="9">
        <v>52</v>
      </c>
      <c r="D30" s="14">
        <v>7</v>
      </c>
      <c r="E30" s="10">
        <v>2450</v>
      </c>
      <c r="F30" s="8">
        <v>2779</v>
      </c>
      <c r="G30" s="9">
        <v>2957</v>
      </c>
      <c r="H30" s="10">
        <v>5736</v>
      </c>
      <c r="I30" s="8">
        <v>52</v>
      </c>
      <c r="J30" s="9">
        <v>8</v>
      </c>
      <c r="K30" s="10">
        <v>60</v>
      </c>
      <c r="L30" s="8">
        <v>2831</v>
      </c>
      <c r="M30" s="9">
        <v>2965</v>
      </c>
      <c r="N30" s="10">
        <v>5796</v>
      </c>
    </row>
    <row r="31" spans="1:14" ht="18" customHeight="1" x14ac:dyDescent="0.4">
      <c r="A31" s="2" t="s">
        <v>24</v>
      </c>
      <c r="B31" s="8">
        <v>1251</v>
      </c>
      <c r="C31" s="9">
        <v>14</v>
      </c>
      <c r="D31" s="14">
        <v>13</v>
      </c>
      <c r="E31" s="10">
        <v>1278</v>
      </c>
      <c r="F31" s="8">
        <v>1349</v>
      </c>
      <c r="G31" s="9">
        <v>1411</v>
      </c>
      <c r="H31" s="10">
        <v>2760</v>
      </c>
      <c r="I31" s="8">
        <v>16</v>
      </c>
      <c r="J31" s="9">
        <v>14</v>
      </c>
      <c r="K31" s="10">
        <v>30</v>
      </c>
      <c r="L31" s="8">
        <v>1365</v>
      </c>
      <c r="M31" s="9">
        <v>1425</v>
      </c>
      <c r="N31" s="10">
        <v>2790</v>
      </c>
    </row>
    <row r="32" spans="1:14" ht="18" customHeight="1" x14ac:dyDescent="0.4">
      <c r="A32" s="2" t="s">
        <v>25</v>
      </c>
      <c r="B32" s="8">
        <v>2604</v>
      </c>
      <c r="C32" s="9">
        <v>20</v>
      </c>
      <c r="D32" s="14">
        <v>19</v>
      </c>
      <c r="E32" s="10">
        <v>2643</v>
      </c>
      <c r="F32" s="8">
        <v>3197</v>
      </c>
      <c r="G32" s="9">
        <v>3218</v>
      </c>
      <c r="H32" s="10">
        <v>6415</v>
      </c>
      <c r="I32" s="8">
        <v>27</v>
      </c>
      <c r="J32" s="9">
        <v>28</v>
      </c>
      <c r="K32" s="10">
        <v>55</v>
      </c>
      <c r="L32" s="8">
        <v>3224</v>
      </c>
      <c r="M32" s="9">
        <v>3246</v>
      </c>
      <c r="N32" s="10">
        <v>6470</v>
      </c>
    </row>
    <row r="33" spans="1:14" ht="18" customHeight="1" x14ac:dyDescent="0.4">
      <c r="A33" s="2" t="s">
        <v>26</v>
      </c>
      <c r="B33" s="8">
        <v>3515</v>
      </c>
      <c r="C33" s="9">
        <v>47</v>
      </c>
      <c r="D33" s="14">
        <v>41</v>
      </c>
      <c r="E33" s="10">
        <v>3603</v>
      </c>
      <c r="F33" s="8">
        <v>3910</v>
      </c>
      <c r="G33" s="9">
        <v>4351</v>
      </c>
      <c r="H33" s="10">
        <v>8261</v>
      </c>
      <c r="I33" s="8">
        <v>85</v>
      </c>
      <c r="J33" s="9">
        <v>39</v>
      </c>
      <c r="K33" s="10">
        <v>124</v>
      </c>
      <c r="L33" s="8">
        <v>3995</v>
      </c>
      <c r="M33" s="9">
        <v>4390</v>
      </c>
      <c r="N33" s="10">
        <v>8385</v>
      </c>
    </row>
    <row r="34" spans="1:14" ht="18" customHeight="1" x14ac:dyDescent="0.4">
      <c r="A34" s="2" t="s">
        <v>27</v>
      </c>
      <c r="B34" s="8">
        <v>2036</v>
      </c>
      <c r="C34" s="9">
        <v>23</v>
      </c>
      <c r="D34" s="14">
        <v>14</v>
      </c>
      <c r="E34" s="10">
        <v>2073</v>
      </c>
      <c r="F34" s="8">
        <v>2159</v>
      </c>
      <c r="G34" s="9">
        <v>2208</v>
      </c>
      <c r="H34" s="10">
        <v>4367</v>
      </c>
      <c r="I34" s="8">
        <v>30</v>
      </c>
      <c r="J34" s="9">
        <v>23</v>
      </c>
      <c r="K34" s="10">
        <v>53</v>
      </c>
      <c r="L34" s="8">
        <v>2189</v>
      </c>
      <c r="M34" s="9">
        <v>2231</v>
      </c>
      <c r="N34" s="10">
        <v>4420</v>
      </c>
    </row>
    <row r="35" spans="1:14" ht="18" customHeight="1" x14ac:dyDescent="0.4">
      <c r="A35" s="2" t="s">
        <v>28</v>
      </c>
      <c r="B35" s="8">
        <v>417</v>
      </c>
      <c r="C35" s="9">
        <v>6</v>
      </c>
      <c r="D35" s="14">
        <v>4</v>
      </c>
      <c r="E35" s="10">
        <v>427</v>
      </c>
      <c r="F35" s="8">
        <v>521</v>
      </c>
      <c r="G35" s="9">
        <v>554</v>
      </c>
      <c r="H35" s="10">
        <v>1075</v>
      </c>
      <c r="I35" s="8">
        <v>10</v>
      </c>
      <c r="J35" s="9">
        <v>0</v>
      </c>
      <c r="K35" s="10">
        <v>10</v>
      </c>
      <c r="L35" s="8">
        <v>531</v>
      </c>
      <c r="M35" s="9">
        <v>554</v>
      </c>
      <c r="N35" s="10">
        <v>1085</v>
      </c>
    </row>
    <row r="36" spans="1:14" ht="18" customHeight="1" x14ac:dyDescent="0.4">
      <c r="A36" s="2" t="s">
        <v>29</v>
      </c>
      <c r="B36" s="8">
        <v>3024</v>
      </c>
      <c r="C36" s="9">
        <v>61</v>
      </c>
      <c r="D36" s="14">
        <v>45</v>
      </c>
      <c r="E36" s="10">
        <v>3130</v>
      </c>
      <c r="F36" s="8">
        <v>3305</v>
      </c>
      <c r="G36" s="9">
        <v>3573</v>
      </c>
      <c r="H36" s="10">
        <v>6878</v>
      </c>
      <c r="I36" s="8">
        <v>94</v>
      </c>
      <c r="J36" s="9">
        <v>39</v>
      </c>
      <c r="K36" s="10">
        <v>133</v>
      </c>
      <c r="L36" s="8">
        <v>3399</v>
      </c>
      <c r="M36" s="9">
        <v>3612</v>
      </c>
      <c r="N36" s="10">
        <v>7011</v>
      </c>
    </row>
    <row r="37" spans="1:14" ht="18" customHeight="1" x14ac:dyDescent="0.4">
      <c r="A37" s="2" t="s">
        <v>30</v>
      </c>
      <c r="B37" s="8">
        <v>1716</v>
      </c>
      <c r="C37" s="9">
        <v>33</v>
      </c>
      <c r="D37" s="14">
        <v>18</v>
      </c>
      <c r="E37" s="10">
        <v>1767</v>
      </c>
      <c r="F37" s="8">
        <v>1785</v>
      </c>
      <c r="G37" s="9">
        <v>2124</v>
      </c>
      <c r="H37" s="10">
        <v>3909</v>
      </c>
      <c r="I37" s="8">
        <v>49</v>
      </c>
      <c r="J37" s="9">
        <v>19</v>
      </c>
      <c r="K37" s="10">
        <v>68</v>
      </c>
      <c r="L37" s="8">
        <v>1834</v>
      </c>
      <c r="M37" s="9">
        <v>2143</v>
      </c>
      <c r="N37" s="10">
        <v>3977</v>
      </c>
    </row>
    <row r="38" spans="1:14" ht="18" customHeight="1" x14ac:dyDescent="0.4">
      <c r="A38" s="2" t="s">
        <v>31</v>
      </c>
      <c r="B38" s="8">
        <v>3860</v>
      </c>
      <c r="C38" s="9">
        <v>70</v>
      </c>
      <c r="D38" s="14">
        <v>38</v>
      </c>
      <c r="E38" s="10">
        <v>3968</v>
      </c>
      <c r="F38" s="8">
        <v>4469</v>
      </c>
      <c r="G38" s="9">
        <v>4654</v>
      </c>
      <c r="H38" s="10">
        <v>9123</v>
      </c>
      <c r="I38" s="8">
        <v>89</v>
      </c>
      <c r="J38" s="9">
        <v>35</v>
      </c>
      <c r="K38" s="10">
        <v>124</v>
      </c>
      <c r="L38" s="8">
        <v>4558</v>
      </c>
      <c r="M38" s="9">
        <v>4689</v>
      </c>
      <c r="N38" s="10">
        <v>9247</v>
      </c>
    </row>
    <row r="39" spans="1:14" ht="18" customHeight="1" x14ac:dyDescent="0.4">
      <c r="A39" s="2" t="s">
        <v>32</v>
      </c>
      <c r="B39" s="8">
        <v>1437</v>
      </c>
      <c r="C39" s="9">
        <v>7</v>
      </c>
      <c r="D39" s="14">
        <v>15</v>
      </c>
      <c r="E39" s="10">
        <v>1459</v>
      </c>
      <c r="F39" s="8">
        <v>1711</v>
      </c>
      <c r="G39" s="9">
        <v>1896</v>
      </c>
      <c r="H39" s="10">
        <v>3607</v>
      </c>
      <c r="I39" s="8">
        <v>11</v>
      </c>
      <c r="J39" s="9">
        <v>13</v>
      </c>
      <c r="K39" s="10">
        <v>24</v>
      </c>
      <c r="L39" s="8">
        <v>1722</v>
      </c>
      <c r="M39" s="9">
        <v>1909</v>
      </c>
      <c r="N39" s="10">
        <v>3631</v>
      </c>
    </row>
    <row r="40" spans="1:14" ht="18" customHeight="1" x14ac:dyDescent="0.4">
      <c r="A40" s="2" t="s">
        <v>33</v>
      </c>
      <c r="B40" s="8">
        <v>406</v>
      </c>
      <c r="C40" s="9">
        <v>3</v>
      </c>
      <c r="D40" s="14">
        <v>7</v>
      </c>
      <c r="E40" s="10">
        <v>416</v>
      </c>
      <c r="F40" s="8">
        <v>456</v>
      </c>
      <c r="G40" s="9">
        <v>479</v>
      </c>
      <c r="H40" s="10">
        <v>935</v>
      </c>
      <c r="I40" s="8">
        <v>7</v>
      </c>
      <c r="J40" s="9">
        <v>6</v>
      </c>
      <c r="K40" s="10">
        <v>13</v>
      </c>
      <c r="L40" s="8">
        <v>463</v>
      </c>
      <c r="M40" s="9">
        <v>485</v>
      </c>
      <c r="N40" s="10">
        <v>948</v>
      </c>
    </row>
    <row r="41" spans="1:14" ht="18" customHeight="1" x14ac:dyDescent="0.4">
      <c r="A41" s="2" t="s">
        <v>34</v>
      </c>
      <c r="B41" s="8">
        <v>1106</v>
      </c>
      <c r="C41" s="9">
        <v>14</v>
      </c>
      <c r="D41" s="14">
        <v>7</v>
      </c>
      <c r="E41" s="10">
        <v>1127</v>
      </c>
      <c r="F41" s="8">
        <v>1196</v>
      </c>
      <c r="G41" s="9">
        <v>1241</v>
      </c>
      <c r="H41" s="10">
        <v>2437</v>
      </c>
      <c r="I41" s="8">
        <v>18</v>
      </c>
      <c r="J41" s="9">
        <v>6</v>
      </c>
      <c r="K41" s="10">
        <v>24</v>
      </c>
      <c r="L41" s="8">
        <v>1214</v>
      </c>
      <c r="M41" s="9">
        <v>1247</v>
      </c>
      <c r="N41" s="10">
        <v>2461</v>
      </c>
    </row>
    <row r="42" spans="1:14" ht="18" customHeight="1" x14ac:dyDescent="0.4">
      <c r="A42" s="2" t="s">
        <v>35</v>
      </c>
      <c r="B42" s="8">
        <v>1037</v>
      </c>
      <c r="C42" s="9">
        <v>2</v>
      </c>
      <c r="D42" s="14">
        <v>5</v>
      </c>
      <c r="E42" s="10">
        <v>1044</v>
      </c>
      <c r="F42" s="8">
        <v>1162</v>
      </c>
      <c r="G42" s="9">
        <v>1287</v>
      </c>
      <c r="H42" s="10">
        <v>2449</v>
      </c>
      <c r="I42" s="8">
        <v>6</v>
      </c>
      <c r="J42" s="9">
        <v>1</v>
      </c>
      <c r="K42" s="10">
        <v>7</v>
      </c>
      <c r="L42" s="8">
        <v>1168</v>
      </c>
      <c r="M42" s="9">
        <v>1288</v>
      </c>
      <c r="N42" s="10">
        <v>2456</v>
      </c>
    </row>
    <row r="43" spans="1:14" ht="18" customHeight="1" x14ac:dyDescent="0.4">
      <c r="A43" s="2" t="s">
        <v>36</v>
      </c>
      <c r="B43" s="8">
        <v>1135</v>
      </c>
      <c r="C43" s="9">
        <v>30</v>
      </c>
      <c r="D43" s="14">
        <v>11</v>
      </c>
      <c r="E43" s="10">
        <v>1176</v>
      </c>
      <c r="F43" s="8">
        <v>1337</v>
      </c>
      <c r="G43" s="9">
        <v>1342</v>
      </c>
      <c r="H43" s="10">
        <v>2679</v>
      </c>
      <c r="I43" s="8">
        <v>30</v>
      </c>
      <c r="J43" s="9">
        <v>20</v>
      </c>
      <c r="K43" s="10">
        <v>50</v>
      </c>
      <c r="L43" s="8">
        <v>1367</v>
      </c>
      <c r="M43" s="9">
        <v>1362</v>
      </c>
      <c r="N43" s="10">
        <v>2729</v>
      </c>
    </row>
    <row r="44" spans="1:14" ht="18" customHeight="1" x14ac:dyDescent="0.4">
      <c r="A44" s="2" t="s">
        <v>37</v>
      </c>
      <c r="B44" s="8">
        <v>152</v>
      </c>
      <c r="C44" s="9">
        <v>2</v>
      </c>
      <c r="D44" s="14">
        <v>3</v>
      </c>
      <c r="E44" s="10">
        <v>157</v>
      </c>
      <c r="F44" s="8">
        <v>100</v>
      </c>
      <c r="G44" s="9">
        <v>180</v>
      </c>
      <c r="H44" s="10">
        <v>280</v>
      </c>
      <c r="I44" s="8">
        <v>5</v>
      </c>
      <c r="J44" s="9">
        <v>4</v>
      </c>
      <c r="K44" s="10">
        <v>9</v>
      </c>
      <c r="L44" s="8">
        <v>105</v>
      </c>
      <c r="M44" s="9">
        <v>184</v>
      </c>
      <c r="N44" s="10">
        <v>289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3088</v>
      </c>
      <c r="C52" s="9">
        <v>887</v>
      </c>
      <c r="D52" s="14">
        <v>545</v>
      </c>
      <c r="E52" s="10">
        <v>64520</v>
      </c>
      <c r="F52" s="8">
        <v>68407</v>
      </c>
      <c r="G52" s="9">
        <v>72802</v>
      </c>
      <c r="H52" s="10">
        <v>141209</v>
      </c>
      <c r="I52" s="8">
        <v>1155</v>
      </c>
      <c r="J52" s="9">
        <v>672</v>
      </c>
      <c r="K52" s="10">
        <v>1827</v>
      </c>
      <c r="L52" s="8">
        <v>69562</v>
      </c>
      <c r="M52" s="9">
        <v>73474</v>
      </c>
      <c r="N52" s="10">
        <v>143036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03T10:12:51Z</cp:lastPrinted>
  <dcterms:created xsi:type="dcterms:W3CDTF">2019-11-13T09:53:37Z</dcterms:created>
  <dcterms:modified xsi:type="dcterms:W3CDTF">2021-03-01T00:48:35Z</dcterms:modified>
</cp:coreProperties>
</file>